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10\HP1810\"/>
    </mc:Choice>
  </mc:AlternateContent>
  <bookViews>
    <workbookView xWindow="0" yWindow="0" windowWidth="23040" windowHeight="9384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平成30年10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1"/>
  <sheetViews>
    <sheetView tabSelected="1" workbookViewId="0">
      <pane ySplit="4" topLeftCell="A5" activePane="bottomLeft" state="frozen"/>
      <selection sqref="A1:IV65536"/>
      <selection pane="bottomLeft" sqref="A1:D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2"/>
      <c r="F1" s="2"/>
      <c r="G1" s="2"/>
      <c r="H1" s="2"/>
      <c r="I1" s="2"/>
      <c r="J1" s="2"/>
    </row>
    <row r="2" spans="1:10" ht="14.25" customHeight="1" x14ac:dyDescent="0.2">
      <c r="A2" s="3"/>
      <c r="B2" s="3"/>
      <c r="C2" s="3"/>
      <c r="D2" s="3"/>
      <c r="E2" s="3"/>
      <c r="F2" s="3"/>
      <c r="G2" s="3"/>
      <c r="H2" s="3"/>
      <c r="I2" s="3"/>
      <c r="J2" s="3"/>
    </row>
    <row r="3" spans="1:10" ht="20.25" customHeight="1" x14ac:dyDescent="0.2">
      <c r="A3" s="4"/>
      <c r="B3" s="5" t="s">
        <v>1</v>
      </c>
      <c r="C3" s="5"/>
      <c r="D3" s="5"/>
      <c r="E3" s="4"/>
      <c r="F3" s="4"/>
      <c r="G3" s="4"/>
    </row>
    <row r="4" spans="1:10" ht="18" customHeight="1" x14ac:dyDescent="0.2">
      <c r="A4" s="6" t="s">
        <v>2</v>
      </c>
      <c r="B4" s="7" t="s">
        <v>3</v>
      </c>
      <c r="C4" s="8" t="s">
        <v>4</v>
      </c>
      <c r="D4" s="9" t="s">
        <v>5</v>
      </c>
    </row>
    <row r="5" spans="1:10" ht="18" customHeight="1" x14ac:dyDescent="0.2">
      <c r="A5" s="10">
        <v>0</v>
      </c>
      <c r="B5" s="11">
        <v>1553</v>
      </c>
      <c r="C5" s="12">
        <v>1468</v>
      </c>
      <c r="D5" s="13">
        <v>3021</v>
      </c>
    </row>
    <row r="6" spans="1:10" ht="18" customHeight="1" x14ac:dyDescent="0.2">
      <c r="A6" s="14">
        <v>1</v>
      </c>
      <c r="B6" s="15">
        <v>1618</v>
      </c>
      <c r="C6" s="16">
        <v>1481</v>
      </c>
      <c r="D6" s="17">
        <v>3099</v>
      </c>
    </row>
    <row r="7" spans="1:10" ht="18" customHeight="1" x14ac:dyDescent="0.2">
      <c r="A7" s="14">
        <v>2</v>
      </c>
      <c r="B7" s="15">
        <v>1626</v>
      </c>
      <c r="C7" s="16">
        <v>1568</v>
      </c>
      <c r="D7" s="17">
        <v>3194</v>
      </c>
    </row>
    <row r="8" spans="1:10" ht="18" customHeight="1" x14ac:dyDescent="0.2">
      <c r="A8" s="14">
        <v>3</v>
      </c>
      <c r="B8" s="15">
        <v>1667</v>
      </c>
      <c r="C8" s="16">
        <v>1532</v>
      </c>
      <c r="D8" s="17">
        <v>3199</v>
      </c>
    </row>
    <row r="9" spans="1:10" ht="18" customHeight="1" x14ac:dyDescent="0.2">
      <c r="A9" s="14">
        <v>4</v>
      </c>
      <c r="B9" s="15">
        <v>1624</v>
      </c>
      <c r="C9" s="16">
        <v>1586</v>
      </c>
      <c r="D9" s="17">
        <v>3210</v>
      </c>
    </row>
    <row r="10" spans="1:10" ht="18" customHeight="1" x14ac:dyDescent="0.2">
      <c r="A10" s="14" t="s">
        <v>6</v>
      </c>
      <c r="B10" s="18">
        <v>8088</v>
      </c>
      <c r="C10" s="19">
        <v>7635</v>
      </c>
      <c r="D10" s="20">
        <v>15723</v>
      </c>
    </row>
    <row r="11" spans="1:10" ht="18" customHeight="1" x14ac:dyDescent="0.2">
      <c r="A11" s="14">
        <v>5</v>
      </c>
      <c r="B11" s="18">
        <v>1654</v>
      </c>
      <c r="C11" s="19">
        <v>1577</v>
      </c>
      <c r="D11" s="20">
        <v>3231</v>
      </c>
    </row>
    <row r="12" spans="1:10" ht="18" customHeight="1" x14ac:dyDescent="0.2">
      <c r="A12" s="14">
        <v>6</v>
      </c>
      <c r="B12" s="18">
        <v>1707</v>
      </c>
      <c r="C12" s="19">
        <v>1657</v>
      </c>
      <c r="D12" s="20">
        <v>3364</v>
      </c>
    </row>
    <row r="13" spans="1:10" ht="18" customHeight="1" x14ac:dyDescent="0.2">
      <c r="A13" s="14">
        <v>7</v>
      </c>
      <c r="B13" s="18">
        <v>1706</v>
      </c>
      <c r="C13" s="19">
        <v>1643</v>
      </c>
      <c r="D13" s="20">
        <v>3349</v>
      </c>
    </row>
    <row r="14" spans="1:10" ht="18" customHeight="1" x14ac:dyDescent="0.2">
      <c r="A14" s="14">
        <v>8</v>
      </c>
      <c r="B14" s="18">
        <v>1837</v>
      </c>
      <c r="C14" s="19">
        <v>1654</v>
      </c>
      <c r="D14" s="20">
        <v>3491</v>
      </c>
    </row>
    <row r="15" spans="1:10" ht="18" customHeight="1" x14ac:dyDescent="0.2">
      <c r="A15" s="14">
        <v>9</v>
      </c>
      <c r="B15" s="18">
        <v>1753</v>
      </c>
      <c r="C15" s="19">
        <v>1699</v>
      </c>
      <c r="D15" s="20">
        <v>3452</v>
      </c>
    </row>
    <row r="16" spans="1:10" ht="18" customHeight="1" x14ac:dyDescent="0.2">
      <c r="A16" s="14" t="s">
        <v>7</v>
      </c>
      <c r="B16" s="18">
        <v>8657</v>
      </c>
      <c r="C16" s="19">
        <v>8230</v>
      </c>
      <c r="D16" s="20">
        <v>16887</v>
      </c>
    </row>
    <row r="17" spans="1:4" ht="18" customHeight="1" x14ac:dyDescent="0.2">
      <c r="A17" s="14">
        <v>10</v>
      </c>
      <c r="B17" s="18">
        <v>1858</v>
      </c>
      <c r="C17" s="19">
        <v>1774</v>
      </c>
      <c r="D17" s="20">
        <v>3632</v>
      </c>
    </row>
    <row r="18" spans="1:4" ht="18" customHeight="1" x14ac:dyDescent="0.2">
      <c r="A18" s="14">
        <v>11</v>
      </c>
      <c r="B18" s="18">
        <v>1806</v>
      </c>
      <c r="C18" s="19">
        <v>1733</v>
      </c>
      <c r="D18" s="20">
        <v>3539</v>
      </c>
    </row>
    <row r="19" spans="1:4" ht="18" customHeight="1" x14ac:dyDescent="0.2">
      <c r="A19" s="14">
        <v>12</v>
      </c>
      <c r="B19" s="18">
        <v>1875</v>
      </c>
      <c r="C19" s="19">
        <v>1797</v>
      </c>
      <c r="D19" s="20">
        <v>3672</v>
      </c>
    </row>
    <row r="20" spans="1:4" ht="18" customHeight="1" x14ac:dyDescent="0.2">
      <c r="A20" s="14">
        <v>13</v>
      </c>
      <c r="B20" s="18">
        <v>1888</v>
      </c>
      <c r="C20" s="19">
        <v>1695</v>
      </c>
      <c r="D20" s="20">
        <v>3583</v>
      </c>
    </row>
    <row r="21" spans="1:4" ht="18" customHeight="1" x14ac:dyDescent="0.2">
      <c r="A21" s="14">
        <v>14</v>
      </c>
      <c r="B21" s="18">
        <v>1958</v>
      </c>
      <c r="C21" s="19">
        <v>1931</v>
      </c>
      <c r="D21" s="20">
        <v>3889</v>
      </c>
    </row>
    <row r="22" spans="1:4" ht="18" customHeight="1" x14ac:dyDescent="0.2">
      <c r="A22" s="14" t="s">
        <v>8</v>
      </c>
      <c r="B22" s="18">
        <v>9385</v>
      </c>
      <c r="C22" s="19">
        <v>8930</v>
      </c>
      <c r="D22" s="20">
        <v>18315</v>
      </c>
    </row>
    <row r="23" spans="1:4" ht="18" customHeight="1" x14ac:dyDescent="0.2">
      <c r="A23" s="14" t="s">
        <v>9</v>
      </c>
      <c r="B23" s="18">
        <v>26130</v>
      </c>
      <c r="C23" s="19">
        <v>24795</v>
      </c>
      <c r="D23" s="20">
        <v>50925</v>
      </c>
    </row>
    <row r="24" spans="1:4" ht="18" customHeight="1" x14ac:dyDescent="0.2">
      <c r="A24" s="14">
        <v>15</v>
      </c>
      <c r="B24" s="18">
        <v>1917</v>
      </c>
      <c r="C24" s="19">
        <v>1845</v>
      </c>
      <c r="D24" s="20">
        <v>3762</v>
      </c>
    </row>
    <row r="25" spans="1:4" ht="18" customHeight="1" x14ac:dyDescent="0.2">
      <c r="A25" s="14">
        <v>16</v>
      </c>
      <c r="B25" s="18">
        <v>2057</v>
      </c>
      <c r="C25" s="19">
        <v>1943</v>
      </c>
      <c r="D25" s="20">
        <v>4000</v>
      </c>
    </row>
    <row r="26" spans="1:4" ht="18" customHeight="1" x14ac:dyDescent="0.2">
      <c r="A26" s="14">
        <v>17</v>
      </c>
      <c r="B26" s="18">
        <v>2042</v>
      </c>
      <c r="C26" s="19">
        <v>1909</v>
      </c>
      <c r="D26" s="20">
        <v>3951</v>
      </c>
    </row>
    <row r="27" spans="1:4" ht="18" customHeight="1" x14ac:dyDescent="0.2">
      <c r="A27" s="14">
        <v>18</v>
      </c>
      <c r="B27" s="18">
        <v>2140</v>
      </c>
      <c r="C27" s="19">
        <v>1883</v>
      </c>
      <c r="D27" s="20">
        <v>4023</v>
      </c>
    </row>
    <row r="28" spans="1:4" ht="18" customHeight="1" x14ac:dyDescent="0.2">
      <c r="A28" s="14">
        <v>19</v>
      </c>
      <c r="B28" s="18">
        <v>2076</v>
      </c>
      <c r="C28" s="19">
        <v>1943</v>
      </c>
      <c r="D28" s="20">
        <v>4019</v>
      </c>
    </row>
    <row r="29" spans="1:4" ht="18" customHeight="1" x14ac:dyDescent="0.2">
      <c r="A29" s="14" t="s">
        <v>10</v>
      </c>
      <c r="B29" s="18">
        <v>10232</v>
      </c>
      <c r="C29" s="19">
        <v>9523</v>
      </c>
      <c r="D29" s="20">
        <v>19755</v>
      </c>
    </row>
    <row r="30" spans="1:4" ht="18" customHeight="1" x14ac:dyDescent="0.2">
      <c r="A30" s="14">
        <v>20</v>
      </c>
      <c r="B30" s="18">
        <v>2108</v>
      </c>
      <c r="C30" s="19">
        <v>1936</v>
      </c>
      <c r="D30" s="20">
        <v>4044</v>
      </c>
    </row>
    <row r="31" spans="1:4" ht="18" customHeight="1" x14ac:dyDescent="0.2">
      <c r="A31" s="14">
        <v>21</v>
      </c>
      <c r="B31" s="18">
        <v>2133</v>
      </c>
      <c r="C31" s="19">
        <v>1931</v>
      </c>
      <c r="D31" s="20">
        <v>4064</v>
      </c>
    </row>
    <row r="32" spans="1:4" ht="18" customHeight="1" x14ac:dyDescent="0.2">
      <c r="A32" s="14">
        <v>22</v>
      </c>
      <c r="B32" s="18">
        <v>2068</v>
      </c>
      <c r="C32" s="19">
        <v>1892</v>
      </c>
      <c r="D32" s="20">
        <v>3960</v>
      </c>
    </row>
    <row r="33" spans="1:4" ht="18" customHeight="1" x14ac:dyDescent="0.2">
      <c r="A33" s="14">
        <v>23</v>
      </c>
      <c r="B33" s="18">
        <v>2299</v>
      </c>
      <c r="C33" s="19">
        <v>1847</v>
      </c>
      <c r="D33" s="20">
        <v>4146</v>
      </c>
    </row>
    <row r="34" spans="1:4" ht="18" customHeight="1" x14ac:dyDescent="0.2">
      <c r="A34" s="14">
        <v>24</v>
      </c>
      <c r="B34" s="18">
        <v>2156</v>
      </c>
      <c r="C34" s="19">
        <v>1943</v>
      </c>
      <c r="D34" s="20">
        <v>4099</v>
      </c>
    </row>
    <row r="35" spans="1:4" ht="18" customHeight="1" x14ac:dyDescent="0.2">
      <c r="A35" s="14" t="s">
        <v>11</v>
      </c>
      <c r="B35" s="18">
        <v>10764</v>
      </c>
      <c r="C35" s="19">
        <v>9549</v>
      </c>
      <c r="D35" s="20">
        <v>20313</v>
      </c>
    </row>
    <row r="36" spans="1:4" ht="18" customHeight="1" x14ac:dyDescent="0.2">
      <c r="A36" s="14">
        <v>25</v>
      </c>
      <c r="B36" s="18">
        <v>2078</v>
      </c>
      <c r="C36" s="19">
        <v>1836</v>
      </c>
      <c r="D36" s="20">
        <v>3914</v>
      </c>
    </row>
    <row r="37" spans="1:4" ht="18" customHeight="1" x14ac:dyDescent="0.2">
      <c r="A37" s="14">
        <v>26</v>
      </c>
      <c r="B37" s="18">
        <v>2137</v>
      </c>
      <c r="C37" s="19">
        <v>1854</v>
      </c>
      <c r="D37" s="20">
        <v>3991</v>
      </c>
    </row>
    <row r="38" spans="1:4" ht="18" customHeight="1" x14ac:dyDescent="0.2">
      <c r="A38" s="14">
        <v>27</v>
      </c>
      <c r="B38" s="18">
        <v>2091</v>
      </c>
      <c r="C38" s="19">
        <v>1773</v>
      </c>
      <c r="D38" s="20">
        <v>3864</v>
      </c>
    </row>
    <row r="39" spans="1:4" ht="18" customHeight="1" x14ac:dyDescent="0.2">
      <c r="A39" s="14">
        <v>28</v>
      </c>
      <c r="B39" s="18">
        <v>2193</v>
      </c>
      <c r="C39" s="19">
        <v>1883</v>
      </c>
      <c r="D39" s="20">
        <v>4076</v>
      </c>
    </row>
    <row r="40" spans="1:4" ht="18" customHeight="1" x14ac:dyDescent="0.2">
      <c r="A40" s="14">
        <v>29</v>
      </c>
      <c r="B40" s="18">
        <v>2168</v>
      </c>
      <c r="C40" s="19">
        <v>1886</v>
      </c>
      <c r="D40" s="20">
        <v>4054</v>
      </c>
    </row>
    <row r="41" spans="1:4" ht="18" customHeight="1" x14ac:dyDescent="0.2">
      <c r="A41" s="14" t="s">
        <v>12</v>
      </c>
      <c r="B41" s="18">
        <v>10667</v>
      </c>
      <c r="C41" s="19">
        <v>9232</v>
      </c>
      <c r="D41" s="20">
        <v>19899</v>
      </c>
    </row>
    <row r="42" spans="1:4" ht="18" customHeight="1" x14ac:dyDescent="0.2">
      <c r="A42" s="14">
        <v>30</v>
      </c>
      <c r="B42" s="18">
        <v>2222</v>
      </c>
      <c r="C42" s="19">
        <v>1951</v>
      </c>
      <c r="D42" s="20">
        <v>4173</v>
      </c>
    </row>
    <row r="43" spans="1:4" ht="18" customHeight="1" x14ac:dyDescent="0.2">
      <c r="A43" s="14">
        <v>31</v>
      </c>
      <c r="B43" s="18">
        <v>2163</v>
      </c>
      <c r="C43" s="19">
        <v>2090</v>
      </c>
      <c r="D43" s="20">
        <v>4253</v>
      </c>
    </row>
    <row r="44" spans="1:4" ht="18" customHeight="1" x14ac:dyDescent="0.2">
      <c r="A44" s="14">
        <v>32</v>
      </c>
      <c r="B44" s="18">
        <v>2319</v>
      </c>
      <c r="C44" s="19">
        <v>2115</v>
      </c>
      <c r="D44" s="20">
        <v>4434</v>
      </c>
    </row>
    <row r="45" spans="1:4" ht="18" customHeight="1" x14ac:dyDescent="0.2">
      <c r="A45" s="14">
        <v>33</v>
      </c>
      <c r="B45" s="18">
        <v>2356</v>
      </c>
      <c r="C45" s="19">
        <v>2183</v>
      </c>
      <c r="D45" s="20">
        <v>4539</v>
      </c>
    </row>
    <row r="46" spans="1:4" ht="18" customHeight="1" x14ac:dyDescent="0.2">
      <c r="A46" s="14">
        <v>34</v>
      </c>
      <c r="B46" s="18">
        <v>2502</v>
      </c>
      <c r="C46" s="19">
        <v>2259</v>
      </c>
      <c r="D46" s="20">
        <v>4761</v>
      </c>
    </row>
    <row r="47" spans="1:4" ht="18" customHeight="1" x14ac:dyDescent="0.2">
      <c r="A47" s="14" t="s">
        <v>13</v>
      </c>
      <c r="B47" s="18">
        <v>11562</v>
      </c>
      <c r="C47" s="19">
        <v>10598</v>
      </c>
      <c r="D47" s="20">
        <v>22160</v>
      </c>
    </row>
    <row r="48" spans="1:4" ht="18" customHeight="1" x14ac:dyDescent="0.2">
      <c r="A48" s="14">
        <v>35</v>
      </c>
      <c r="B48" s="18">
        <v>2503</v>
      </c>
      <c r="C48" s="19">
        <v>2165</v>
      </c>
      <c r="D48" s="20">
        <v>4668</v>
      </c>
    </row>
    <row r="49" spans="1:4" ht="18" customHeight="1" x14ac:dyDescent="0.2">
      <c r="A49" s="14">
        <v>36</v>
      </c>
      <c r="B49" s="18">
        <v>2442</v>
      </c>
      <c r="C49" s="19">
        <v>2315</v>
      </c>
      <c r="D49" s="20">
        <v>4757</v>
      </c>
    </row>
    <row r="50" spans="1:4" ht="18" customHeight="1" x14ac:dyDescent="0.2">
      <c r="A50" s="14">
        <v>37</v>
      </c>
      <c r="B50" s="18">
        <v>2401</v>
      </c>
      <c r="C50" s="19">
        <v>2343</v>
      </c>
      <c r="D50" s="20">
        <v>4744</v>
      </c>
    </row>
    <row r="51" spans="1:4" ht="18" customHeight="1" x14ac:dyDescent="0.2">
      <c r="A51" s="14">
        <v>38</v>
      </c>
      <c r="B51" s="18">
        <v>2526</v>
      </c>
      <c r="C51" s="19">
        <v>2395</v>
      </c>
      <c r="D51" s="20">
        <v>4921</v>
      </c>
    </row>
    <row r="52" spans="1:4" ht="18" customHeight="1" x14ac:dyDescent="0.2">
      <c r="A52" s="14">
        <v>39</v>
      </c>
      <c r="B52" s="18">
        <v>2690</v>
      </c>
      <c r="C52" s="19">
        <v>2547</v>
      </c>
      <c r="D52" s="20">
        <v>5237</v>
      </c>
    </row>
    <row r="53" spans="1:4" ht="18" customHeight="1" x14ac:dyDescent="0.2">
      <c r="A53" s="14" t="s">
        <v>14</v>
      </c>
      <c r="B53" s="18">
        <v>12562</v>
      </c>
      <c r="C53" s="19">
        <v>11765</v>
      </c>
      <c r="D53" s="20">
        <v>24327</v>
      </c>
    </row>
    <row r="54" spans="1:4" ht="18" customHeight="1" x14ac:dyDescent="0.2">
      <c r="A54" s="14">
        <v>40</v>
      </c>
      <c r="B54" s="18">
        <v>2911</v>
      </c>
      <c r="C54" s="19">
        <v>2679</v>
      </c>
      <c r="D54" s="20">
        <v>5590</v>
      </c>
    </row>
    <row r="55" spans="1:4" ht="18" customHeight="1" x14ac:dyDescent="0.2">
      <c r="A55" s="14">
        <v>41</v>
      </c>
      <c r="B55" s="18">
        <v>2947</v>
      </c>
      <c r="C55" s="19">
        <v>2793</v>
      </c>
      <c r="D55" s="20">
        <v>5740</v>
      </c>
    </row>
    <row r="56" spans="1:4" ht="18" customHeight="1" x14ac:dyDescent="0.2">
      <c r="A56" s="14">
        <v>42</v>
      </c>
      <c r="B56" s="18">
        <v>3182</v>
      </c>
      <c r="C56" s="19">
        <v>2875</v>
      </c>
      <c r="D56" s="20">
        <v>6057</v>
      </c>
    </row>
    <row r="57" spans="1:4" ht="18" customHeight="1" x14ac:dyDescent="0.2">
      <c r="A57" s="14">
        <v>43</v>
      </c>
      <c r="B57" s="18">
        <v>3311</v>
      </c>
      <c r="C57" s="19">
        <v>3202</v>
      </c>
      <c r="D57" s="20">
        <v>6513</v>
      </c>
    </row>
    <row r="58" spans="1:4" ht="18" customHeight="1" x14ac:dyDescent="0.2">
      <c r="A58" s="14">
        <v>44</v>
      </c>
      <c r="B58" s="18">
        <v>3493</v>
      </c>
      <c r="C58" s="19">
        <v>3434</v>
      </c>
      <c r="D58" s="20">
        <v>6927</v>
      </c>
    </row>
    <row r="59" spans="1:4" ht="18" customHeight="1" x14ac:dyDescent="0.2">
      <c r="A59" s="14" t="s">
        <v>15</v>
      </c>
      <c r="B59" s="18">
        <v>15844</v>
      </c>
      <c r="C59" s="19">
        <v>14983</v>
      </c>
      <c r="D59" s="20">
        <v>30827</v>
      </c>
    </row>
    <row r="60" spans="1:4" ht="18" customHeight="1" x14ac:dyDescent="0.2">
      <c r="A60" s="14">
        <v>45</v>
      </c>
      <c r="B60" s="18">
        <v>3558</v>
      </c>
      <c r="C60" s="19">
        <v>3428</v>
      </c>
      <c r="D60" s="20">
        <v>6986</v>
      </c>
    </row>
    <row r="61" spans="1:4" ht="18" customHeight="1" x14ac:dyDescent="0.2">
      <c r="A61" s="14">
        <v>46</v>
      </c>
      <c r="B61" s="18">
        <v>3558</v>
      </c>
      <c r="C61" s="19">
        <v>3398</v>
      </c>
      <c r="D61" s="20">
        <v>6956</v>
      </c>
    </row>
    <row r="62" spans="1:4" ht="18" customHeight="1" x14ac:dyDescent="0.2">
      <c r="A62" s="14">
        <v>47</v>
      </c>
      <c r="B62" s="18">
        <v>3338</v>
      </c>
      <c r="C62" s="19">
        <v>3229</v>
      </c>
      <c r="D62" s="20">
        <v>6567</v>
      </c>
    </row>
    <row r="63" spans="1:4" ht="18" customHeight="1" x14ac:dyDescent="0.2">
      <c r="A63" s="14">
        <v>48</v>
      </c>
      <c r="B63" s="18">
        <v>3242</v>
      </c>
      <c r="C63" s="19">
        <v>3002</v>
      </c>
      <c r="D63" s="20">
        <v>6244</v>
      </c>
    </row>
    <row r="64" spans="1:4" ht="18" customHeight="1" x14ac:dyDescent="0.2">
      <c r="A64" s="14">
        <v>49</v>
      </c>
      <c r="B64" s="18">
        <v>3150</v>
      </c>
      <c r="C64" s="19">
        <v>2888</v>
      </c>
      <c r="D64" s="20">
        <v>6038</v>
      </c>
    </row>
    <row r="65" spans="1:4" ht="18" customHeight="1" x14ac:dyDescent="0.2">
      <c r="A65" s="14" t="s">
        <v>16</v>
      </c>
      <c r="B65" s="18">
        <v>16846</v>
      </c>
      <c r="C65" s="19">
        <v>15945</v>
      </c>
      <c r="D65" s="20">
        <v>32791</v>
      </c>
    </row>
    <row r="66" spans="1:4" ht="18" customHeight="1" x14ac:dyDescent="0.2">
      <c r="A66" s="14">
        <v>50</v>
      </c>
      <c r="B66" s="18">
        <v>2935</v>
      </c>
      <c r="C66" s="19">
        <v>2902</v>
      </c>
      <c r="D66" s="20">
        <v>5837</v>
      </c>
    </row>
    <row r="67" spans="1:4" ht="18" customHeight="1" x14ac:dyDescent="0.2">
      <c r="A67" s="14">
        <v>51</v>
      </c>
      <c r="B67" s="18">
        <v>2961</v>
      </c>
      <c r="C67" s="19">
        <v>2893</v>
      </c>
      <c r="D67" s="20">
        <v>5854</v>
      </c>
    </row>
    <row r="68" spans="1:4" ht="18" customHeight="1" x14ac:dyDescent="0.2">
      <c r="A68" s="14">
        <v>52</v>
      </c>
      <c r="B68" s="18">
        <v>2097</v>
      </c>
      <c r="C68" s="19">
        <v>2127</v>
      </c>
      <c r="D68" s="20">
        <v>4224</v>
      </c>
    </row>
    <row r="69" spans="1:4" ht="18" customHeight="1" x14ac:dyDescent="0.2">
      <c r="A69" s="14">
        <v>53</v>
      </c>
      <c r="B69" s="18">
        <v>2703</v>
      </c>
      <c r="C69" s="19">
        <v>2767</v>
      </c>
      <c r="D69" s="20">
        <v>5470</v>
      </c>
    </row>
    <row r="70" spans="1:4" ht="18" customHeight="1" x14ac:dyDescent="0.2">
      <c r="A70" s="14">
        <v>54</v>
      </c>
      <c r="B70" s="18">
        <v>2556</v>
      </c>
      <c r="C70" s="19">
        <v>2557</v>
      </c>
      <c r="D70" s="20">
        <v>5113</v>
      </c>
    </row>
    <row r="71" spans="1:4" ht="18" customHeight="1" x14ac:dyDescent="0.2">
      <c r="A71" s="14" t="s">
        <v>17</v>
      </c>
      <c r="B71" s="18">
        <v>13252</v>
      </c>
      <c r="C71" s="19">
        <v>13246</v>
      </c>
      <c r="D71" s="20">
        <v>26498</v>
      </c>
    </row>
    <row r="72" spans="1:4" ht="18" customHeight="1" x14ac:dyDescent="0.2">
      <c r="A72" s="14">
        <v>55</v>
      </c>
      <c r="B72" s="18">
        <v>2570</v>
      </c>
      <c r="C72" s="19">
        <v>2532</v>
      </c>
      <c r="D72" s="20">
        <v>5102</v>
      </c>
    </row>
    <row r="73" spans="1:4" ht="18" customHeight="1" x14ac:dyDescent="0.2">
      <c r="A73" s="14">
        <v>56</v>
      </c>
      <c r="B73" s="18">
        <v>2362</v>
      </c>
      <c r="C73" s="19">
        <v>2297</v>
      </c>
      <c r="D73" s="20">
        <v>4659</v>
      </c>
    </row>
    <row r="74" spans="1:4" ht="18" customHeight="1" x14ac:dyDescent="0.2">
      <c r="A74" s="14">
        <v>57</v>
      </c>
      <c r="B74" s="18">
        <v>2296</v>
      </c>
      <c r="C74" s="19">
        <v>2459</v>
      </c>
      <c r="D74" s="20">
        <v>4755</v>
      </c>
    </row>
    <row r="75" spans="1:4" ht="18" customHeight="1" x14ac:dyDescent="0.2">
      <c r="A75" s="14">
        <v>58</v>
      </c>
      <c r="B75" s="18">
        <v>2368</v>
      </c>
      <c r="C75" s="19">
        <v>2448</v>
      </c>
      <c r="D75" s="20">
        <v>4816</v>
      </c>
    </row>
    <row r="76" spans="1:4" ht="18" customHeight="1" x14ac:dyDescent="0.2">
      <c r="A76" s="14">
        <v>59</v>
      </c>
      <c r="B76" s="18">
        <v>2364</v>
      </c>
      <c r="C76" s="19">
        <v>2465</v>
      </c>
      <c r="D76" s="20">
        <v>4829</v>
      </c>
    </row>
    <row r="77" spans="1:4" ht="18" customHeight="1" x14ac:dyDescent="0.2">
      <c r="A77" s="14" t="s">
        <v>18</v>
      </c>
      <c r="B77" s="18">
        <v>11960</v>
      </c>
      <c r="C77" s="19">
        <v>12201</v>
      </c>
      <c r="D77" s="20">
        <v>24161</v>
      </c>
    </row>
    <row r="78" spans="1:4" ht="18" customHeight="1" x14ac:dyDescent="0.2">
      <c r="A78" s="14">
        <v>60</v>
      </c>
      <c r="B78" s="18">
        <v>2280</v>
      </c>
      <c r="C78" s="19">
        <v>2414</v>
      </c>
      <c r="D78" s="20">
        <v>4694</v>
      </c>
    </row>
    <row r="79" spans="1:4" ht="18" customHeight="1" x14ac:dyDescent="0.2">
      <c r="A79" s="14">
        <v>61</v>
      </c>
      <c r="B79" s="18">
        <v>2272</v>
      </c>
      <c r="C79" s="19">
        <v>2281</v>
      </c>
      <c r="D79" s="20">
        <v>4553</v>
      </c>
    </row>
    <row r="80" spans="1:4" ht="18" customHeight="1" x14ac:dyDescent="0.2">
      <c r="A80" s="14">
        <v>62</v>
      </c>
      <c r="B80" s="18">
        <v>2305</v>
      </c>
      <c r="C80" s="19">
        <v>2425</v>
      </c>
      <c r="D80" s="20">
        <v>4730</v>
      </c>
    </row>
    <row r="81" spans="1:4" ht="18" customHeight="1" x14ac:dyDescent="0.2">
      <c r="A81" s="14">
        <v>63</v>
      </c>
      <c r="B81" s="18">
        <v>2503</v>
      </c>
      <c r="C81" s="19">
        <v>2652</v>
      </c>
      <c r="D81" s="20">
        <v>5155</v>
      </c>
    </row>
    <row r="82" spans="1:4" ht="18" customHeight="1" x14ac:dyDescent="0.2">
      <c r="A82" s="14">
        <v>64</v>
      </c>
      <c r="B82" s="18">
        <v>2474</v>
      </c>
      <c r="C82" s="19">
        <v>2610</v>
      </c>
      <c r="D82" s="20">
        <v>5084</v>
      </c>
    </row>
    <row r="83" spans="1:4" ht="18" customHeight="1" x14ac:dyDescent="0.2">
      <c r="A83" s="14" t="s">
        <v>19</v>
      </c>
      <c r="B83" s="18">
        <v>11834</v>
      </c>
      <c r="C83" s="19">
        <v>12382</v>
      </c>
      <c r="D83" s="20">
        <v>24216</v>
      </c>
    </row>
    <row r="84" spans="1:4" ht="18" customHeight="1" x14ac:dyDescent="0.2">
      <c r="A84" s="14" t="s">
        <v>20</v>
      </c>
      <c r="B84" s="18">
        <v>125523</v>
      </c>
      <c r="C84" s="19">
        <v>119424</v>
      </c>
      <c r="D84" s="20">
        <v>244947</v>
      </c>
    </row>
    <row r="85" spans="1:4" ht="18" customHeight="1" x14ac:dyDescent="0.2">
      <c r="A85" s="14">
        <v>65</v>
      </c>
      <c r="B85" s="18">
        <v>2660</v>
      </c>
      <c r="C85" s="19">
        <v>2835</v>
      </c>
      <c r="D85" s="20">
        <v>5495</v>
      </c>
    </row>
    <row r="86" spans="1:4" ht="18" customHeight="1" x14ac:dyDescent="0.2">
      <c r="A86" s="14">
        <v>66</v>
      </c>
      <c r="B86" s="18">
        <v>2708</v>
      </c>
      <c r="C86" s="19">
        <v>2861</v>
      </c>
      <c r="D86" s="20">
        <v>5569</v>
      </c>
    </row>
    <row r="87" spans="1:4" ht="18" customHeight="1" x14ac:dyDescent="0.2">
      <c r="A87" s="14">
        <v>67</v>
      </c>
      <c r="B87" s="18">
        <v>2731</v>
      </c>
      <c r="C87" s="19">
        <v>3000</v>
      </c>
      <c r="D87" s="20">
        <v>5731</v>
      </c>
    </row>
    <row r="88" spans="1:4" ht="18" customHeight="1" x14ac:dyDescent="0.2">
      <c r="A88" s="14">
        <v>68</v>
      </c>
      <c r="B88" s="18">
        <v>3098</v>
      </c>
      <c r="C88" s="19">
        <v>3451</v>
      </c>
      <c r="D88" s="20">
        <v>6549</v>
      </c>
    </row>
    <row r="89" spans="1:4" ht="18" customHeight="1" x14ac:dyDescent="0.2">
      <c r="A89" s="14">
        <v>69</v>
      </c>
      <c r="B89" s="18">
        <v>3545</v>
      </c>
      <c r="C89" s="19">
        <v>3765</v>
      </c>
      <c r="D89" s="20">
        <v>7310</v>
      </c>
    </row>
    <row r="90" spans="1:4" ht="18" customHeight="1" x14ac:dyDescent="0.2">
      <c r="A90" s="14" t="s">
        <v>21</v>
      </c>
      <c r="B90" s="18">
        <v>14742</v>
      </c>
      <c r="C90" s="19">
        <v>15912</v>
      </c>
      <c r="D90" s="20">
        <v>30654</v>
      </c>
    </row>
    <row r="91" spans="1:4" ht="18" customHeight="1" x14ac:dyDescent="0.2">
      <c r="A91" s="14">
        <v>70</v>
      </c>
      <c r="B91" s="18">
        <v>3546</v>
      </c>
      <c r="C91" s="19">
        <v>3879</v>
      </c>
      <c r="D91" s="20">
        <v>7425</v>
      </c>
    </row>
    <row r="92" spans="1:4" ht="18" customHeight="1" x14ac:dyDescent="0.2">
      <c r="A92" s="14">
        <v>71</v>
      </c>
      <c r="B92" s="18">
        <v>3682</v>
      </c>
      <c r="C92" s="19">
        <v>4235</v>
      </c>
      <c r="D92" s="20">
        <v>7917</v>
      </c>
    </row>
    <row r="93" spans="1:4" ht="18" customHeight="1" x14ac:dyDescent="0.2">
      <c r="A93" s="14">
        <v>72</v>
      </c>
      <c r="B93" s="18">
        <v>1950</v>
      </c>
      <c r="C93" s="19">
        <v>2259</v>
      </c>
      <c r="D93" s="20">
        <v>4209</v>
      </c>
    </row>
    <row r="94" spans="1:4" ht="18" customHeight="1" x14ac:dyDescent="0.2">
      <c r="A94" s="14">
        <v>73</v>
      </c>
      <c r="B94" s="18">
        <v>1930</v>
      </c>
      <c r="C94" s="19">
        <v>2265</v>
      </c>
      <c r="D94" s="20">
        <v>4195</v>
      </c>
    </row>
    <row r="95" spans="1:4" ht="18" customHeight="1" x14ac:dyDescent="0.2">
      <c r="A95" s="14">
        <v>74</v>
      </c>
      <c r="B95" s="18">
        <v>2520</v>
      </c>
      <c r="C95" s="19">
        <v>3164</v>
      </c>
      <c r="D95" s="20">
        <v>5684</v>
      </c>
    </row>
    <row r="96" spans="1:4" ht="18" customHeight="1" x14ac:dyDescent="0.2">
      <c r="A96" s="14" t="s">
        <v>22</v>
      </c>
      <c r="B96" s="18">
        <v>13628</v>
      </c>
      <c r="C96" s="19">
        <v>15802</v>
      </c>
      <c r="D96" s="20">
        <v>29430</v>
      </c>
    </row>
    <row r="97" spans="1:4" ht="18" customHeight="1" x14ac:dyDescent="0.2">
      <c r="A97" s="14">
        <v>75</v>
      </c>
      <c r="B97" s="18">
        <v>2315</v>
      </c>
      <c r="C97" s="19">
        <v>2871</v>
      </c>
      <c r="D97" s="20">
        <v>5186</v>
      </c>
    </row>
    <row r="98" spans="1:4" ht="18" customHeight="1" x14ac:dyDescent="0.2">
      <c r="A98" s="14">
        <v>76</v>
      </c>
      <c r="B98" s="18">
        <v>2447</v>
      </c>
      <c r="C98" s="19">
        <v>3002</v>
      </c>
      <c r="D98" s="20">
        <v>5449</v>
      </c>
    </row>
    <row r="99" spans="1:4" ht="18" customHeight="1" x14ac:dyDescent="0.2">
      <c r="A99" s="14">
        <v>77</v>
      </c>
      <c r="B99" s="18">
        <v>2219</v>
      </c>
      <c r="C99" s="19">
        <v>2792</v>
      </c>
      <c r="D99" s="20">
        <v>5011</v>
      </c>
    </row>
    <row r="100" spans="1:4" ht="18" customHeight="1" x14ac:dyDescent="0.2">
      <c r="A100" s="14">
        <v>78</v>
      </c>
      <c r="B100" s="18">
        <v>1971</v>
      </c>
      <c r="C100" s="19">
        <v>2445</v>
      </c>
      <c r="D100" s="20">
        <v>4416</v>
      </c>
    </row>
    <row r="101" spans="1:4" ht="18" customHeight="1" x14ac:dyDescent="0.2">
      <c r="A101" s="14">
        <v>79</v>
      </c>
      <c r="B101" s="18">
        <v>1599</v>
      </c>
      <c r="C101" s="19">
        <v>2044</v>
      </c>
      <c r="D101" s="20">
        <v>3643</v>
      </c>
    </row>
    <row r="102" spans="1:4" ht="18" customHeight="1" x14ac:dyDescent="0.2">
      <c r="A102" s="14" t="s">
        <v>23</v>
      </c>
      <c r="B102" s="18">
        <v>10551</v>
      </c>
      <c r="C102" s="19">
        <v>13154</v>
      </c>
      <c r="D102" s="20">
        <v>23705</v>
      </c>
    </row>
    <row r="103" spans="1:4" ht="18" customHeight="1" x14ac:dyDescent="0.2">
      <c r="A103" s="14">
        <v>80</v>
      </c>
      <c r="B103" s="18">
        <v>1501</v>
      </c>
      <c r="C103" s="19">
        <v>2066</v>
      </c>
      <c r="D103" s="20">
        <v>3567</v>
      </c>
    </row>
    <row r="104" spans="1:4" ht="18" customHeight="1" x14ac:dyDescent="0.2">
      <c r="A104" s="14">
        <v>81</v>
      </c>
      <c r="B104" s="18">
        <v>1564</v>
      </c>
      <c r="C104" s="19">
        <v>2233</v>
      </c>
      <c r="D104" s="20">
        <v>3797</v>
      </c>
    </row>
    <row r="105" spans="1:4" ht="18" customHeight="1" x14ac:dyDescent="0.2">
      <c r="A105" s="14">
        <v>82</v>
      </c>
      <c r="B105" s="18">
        <v>1503</v>
      </c>
      <c r="C105" s="19">
        <v>2383</v>
      </c>
      <c r="D105" s="20">
        <v>3886</v>
      </c>
    </row>
    <row r="106" spans="1:4" ht="18" customHeight="1" x14ac:dyDescent="0.2">
      <c r="A106" s="14">
        <v>83</v>
      </c>
      <c r="B106" s="18">
        <v>1279</v>
      </c>
      <c r="C106" s="19">
        <v>1949</v>
      </c>
      <c r="D106" s="20">
        <v>3228</v>
      </c>
    </row>
    <row r="107" spans="1:4" ht="18" customHeight="1" x14ac:dyDescent="0.2">
      <c r="A107" s="14">
        <v>84</v>
      </c>
      <c r="B107" s="18">
        <v>1173</v>
      </c>
      <c r="C107" s="19">
        <v>2007</v>
      </c>
      <c r="D107" s="20">
        <v>3180</v>
      </c>
    </row>
    <row r="108" spans="1:4" ht="18" customHeight="1" x14ac:dyDescent="0.2">
      <c r="A108" s="14" t="s">
        <v>24</v>
      </c>
      <c r="B108" s="18">
        <v>7020</v>
      </c>
      <c r="C108" s="19">
        <v>10638</v>
      </c>
      <c r="D108" s="20">
        <v>17658</v>
      </c>
    </row>
    <row r="109" spans="1:4" ht="18" customHeight="1" x14ac:dyDescent="0.2">
      <c r="A109" s="14">
        <v>85</v>
      </c>
      <c r="B109" s="18">
        <v>1064</v>
      </c>
      <c r="C109" s="19">
        <v>1994</v>
      </c>
      <c r="D109" s="20">
        <v>3058</v>
      </c>
    </row>
    <row r="110" spans="1:4" ht="18" customHeight="1" x14ac:dyDescent="0.2">
      <c r="A110" s="14">
        <v>86</v>
      </c>
      <c r="B110" s="18">
        <v>893</v>
      </c>
      <c r="C110" s="19">
        <v>1885</v>
      </c>
      <c r="D110" s="20">
        <v>2778</v>
      </c>
    </row>
    <row r="111" spans="1:4" ht="18" customHeight="1" x14ac:dyDescent="0.2">
      <c r="A111" s="14">
        <v>87</v>
      </c>
      <c r="B111" s="18">
        <v>810</v>
      </c>
      <c r="C111" s="19">
        <v>1650</v>
      </c>
      <c r="D111" s="20">
        <v>2460</v>
      </c>
    </row>
    <row r="112" spans="1:4" ht="18" customHeight="1" x14ac:dyDescent="0.2">
      <c r="A112" s="14">
        <v>88</v>
      </c>
      <c r="B112" s="18">
        <v>654</v>
      </c>
      <c r="C112" s="19">
        <v>1412</v>
      </c>
      <c r="D112" s="20">
        <v>2066</v>
      </c>
    </row>
    <row r="113" spans="1:4" ht="18" customHeight="1" x14ac:dyDescent="0.2">
      <c r="A113" s="14">
        <v>89</v>
      </c>
      <c r="B113" s="18">
        <v>568</v>
      </c>
      <c r="C113" s="19">
        <v>1426</v>
      </c>
      <c r="D113" s="20">
        <v>1994</v>
      </c>
    </row>
    <row r="114" spans="1:4" ht="18" customHeight="1" x14ac:dyDescent="0.2">
      <c r="A114" s="14" t="s">
        <v>25</v>
      </c>
      <c r="B114" s="18">
        <v>3989</v>
      </c>
      <c r="C114" s="19">
        <v>8367</v>
      </c>
      <c r="D114" s="20">
        <v>12356</v>
      </c>
    </row>
    <row r="115" spans="1:4" ht="18" customHeight="1" x14ac:dyDescent="0.2">
      <c r="A115" s="14">
        <v>90</v>
      </c>
      <c r="B115" s="18">
        <v>509</v>
      </c>
      <c r="C115" s="19">
        <v>1139</v>
      </c>
      <c r="D115" s="20">
        <v>1648</v>
      </c>
    </row>
    <row r="116" spans="1:4" ht="18" customHeight="1" x14ac:dyDescent="0.2">
      <c r="A116" s="14">
        <v>91</v>
      </c>
      <c r="B116" s="18">
        <v>382</v>
      </c>
      <c r="C116" s="19">
        <v>1006</v>
      </c>
      <c r="D116" s="20">
        <v>1388</v>
      </c>
    </row>
    <row r="117" spans="1:4" ht="18" customHeight="1" x14ac:dyDescent="0.2">
      <c r="A117" s="14">
        <v>92</v>
      </c>
      <c r="B117" s="18">
        <v>312</v>
      </c>
      <c r="C117" s="19">
        <v>825</v>
      </c>
      <c r="D117" s="20">
        <v>1137</v>
      </c>
    </row>
    <row r="118" spans="1:4" ht="18" customHeight="1" x14ac:dyDescent="0.2">
      <c r="A118" s="14">
        <v>93</v>
      </c>
      <c r="B118" s="18">
        <v>203</v>
      </c>
      <c r="C118" s="19">
        <v>774</v>
      </c>
      <c r="D118" s="20">
        <v>977</v>
      </c>
    </row>
    <row r="119" spans="1:4" ht="18" customHeight="1" x14ac:dyDescent="0.2">
      <c r="A119" s="14">
        <v>94</v>
      </c>
      <c r="B119" s="18">
        <v>174</v>
      </c>
      <c r="C119" s="19">
        <v>551</v>
      </c>
      <c r="D119" s="20">
        <v>725</v>
      </c>
    </row>
    <row r="120" spans="1:4" ht="18" customHeight="1" x14ac:dyDescent="0.2">
      <c r="A120" s="14" t="s">
        <v>26</v>
      </c>
      <c r="B120" s="18">
        <v>1580</v>
      </c>
      <c r="C120" s="19">
        <v>4295</v>
      </c>
      <c r="D120" s="20">
        <v>5875</v>
      </c>
    </row>
    <row r="121" spans="1:4" ht="18" customHeight="1" x14ac:dyDescent="0.2">
      <c r="A121" s="14">
        <v>95</v>
      </c>
      <c r="B121" s="18">
        <v>96</v>
      </c>
      <c r="C121" s="19">
        <v>476</v>
      </c>
      <c r="D121" s="20">
        <v>572</v>
      </c>
    </row>
    <row r="122" spans="1:4" ht="18" customHeight="1" x14ac:dyDescent="0.2">
      <c r="A122" s="14">
        <v>96</v>
      </c>
      <c r="B122" s="18">
        <v>79</v>
      </c>
      <c r="C122" s="19">
        <v>377</v>
      </c>
      <c r="D122" s="20">
        <v>456</v>
      </c>
    </row>
    <row r="123" spans="1:4" ht="18" customHeight="1" x14ac:dyDescent="0.2">
      <c r="A123" s="14">
        <v>97</v>
      </c>
      <c r="B123" s="18">
        <v>49</v>
      </c>
      <c r="C123" s="19">
        <v>291</v>
      </c>
      <c r="D123" s="20">
        <v>340</v>
      </c>
    </row>
    <row r="124" spans="1:4" ht="18" customHeight="1" x14ac:dyDescent="0.2">
      <c r="A124" s="14">
        <v>98</v>
      </c>
      <c r="B124" s="18">
        <v>29</v>
      </c>
      <c r="C124" s="19">
        <v>185</v>
      </c>
      <c r="D124" s="20">
        <v>214</v>
      </c>
    </row>
    <row r="125" spans="1:4" ht="18" customHeight="1" x14ac:dyDescent="0.2">
      <c r="A125" s="14">
        <v>99</v>
      </c>
      <c r="B125" s="18">
        <v>18</v>
      </c>
      <c r="C125" s="19">
        <v>127</v>
      </c>
      <c r="D125" s="20">
        <v>145</v>
      </c>
    </row>
    <row r="126" spans="1:4" ht="18" customHeight="1" x14ac:dyDescent="0.2">
      <c r="A126" s="14" t="s">
        <v>27</v>
      </c>
      <c r="B126" s="18">
        <v>271</v>
      </c>
      <c r="C126" s="19">
        <v>1456</v>
      </c>
      <c r="D126" s="20">
        <v>1727</v>
      </c>
    </row>
    <row r="127" spans="1:4" ht="18" customHeight="1" x14ac:dyDescent="0.2">
      <c r="A127" s="14">
        <v>100</v>
      </c>
      <c r="B127" s="18">
        <v>14</v>
      </c>
      <c r="C127" s="19">
        <v>68</v>
      </c>
      <c r="D127" s="20">
        <v>82</v>
      </c>
    </row>
    <row r="128" spans="1:4" ht="18" customHeight="1" x14ac:dyDescent="0.2">
      <c r="A128" s="21" t="s">
        <v>28</v>
      </c>
      <c r="B128" s="18">
        <v>16</v>
      </c>
      <c r="C128" s="19">
        <v>134</v>
      </c>
      <c r="D128" s="20">
        <v>150</v>
      </c>
    </row>
    <row r="129" spans="1:4" ht="18" customHeight="1" x14ac:dyDescent="0.2">
      <c r="A129" s="14" t="s">
        <v>29</v>
      </c>
      <c r="B129" s="18">
        <v>30</v>
      </c>
      <c r="C129" s="19">
        <v>202</v>
      </c>
      <c r="D129" s="20">
        <v>232</v>
      </c>
    </row>
    <row r="130" spans="1:4" ht="18" customHeight="1" x14ac:dyDescent="0.2">
      <c r="A130" s="14" t="s">
        <v>30</v>
      </c>
      <c r="B130" s="22">
        <v>51811</v>
      </c>
      <c r="C130" s="23">
        <v>69826</v>
      </c>
      <c r="D130" s="24">
        <v>121637</v>
      </c>
    </row>
    <row r="131" spans="1:4" ht="18" customHeight="1" x14ac:dyDescent="0.2">
      <c r="A131" s="25" t="s">
        <v>31</v>
      </c>
      <c r="B131" s="26">
        <v>203464</v>
      </c>
      <c r="C131" s="27">
        <v>214045</v>
      </c>
      <c r="D131" s="28">
        <v>41750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11-02T00:21:59Z</dcterms:created>
  <dcterms:modified xsi:type="dcterms:W3CDTF">2018-11-02T00:22:00Z</dcterms:modified>
</cp:coreProperties>
</file>